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出雲中央クリニック</t>
    <phoneticPr fontId="3"/>
  </si>
  <si>
    <t>〒693-0021 島根県出雲市塩冶町2123</t>
    <phoneticPr fontId="3"/>
  </si>
  <si>
    <t>〇</t>
  </si>
  <si>
    <t>消化器内科（胃腸内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722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45</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1</v>
      </c>
      <c r="K173" s="118" t="str">
        <f t="shared" si="2"/>
        <v/>
      </c>
      <c r="L173" s="212"/>
      <c r="M173" s="212"/>
      <c r="N173" s="212">
        <v>1</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1</v>
      </c>
      <c r="K174" s="118" t="str">
        <f t="shared" si="2"/>
        <v/>
      </c>
      <c r="L174" s="213"/>
      <c r="M174" s="213"/>
      <c r="N174" s="213">
        <v>1</v>
      </c>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1</v>
      </c>
      <c r="K175" s="118" t="str">
        <f t="shared" si="2"/>
        <v/>
      </c>
      <c r="L175" s="212"/>
      <c r="M175" s="212"/>
      <c r="N175" s="212">
        <v>1</v>
      </c>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6</v>
      </c>
      <c r="K176" s="118" t="str">
        <f t="shared" si="2"/>
        <v/>
      </c>
      <c r="L176" s="213"/>
      <c r="M176" s="213"/>
      <c r="N176" s="213">
        <v>0.6</v>
      </c>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v>0</v>
      </c>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1</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635</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700</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635</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635</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635</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635</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635</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635</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635</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18</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18</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45</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0</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45</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43Z</dcterms:modified>
</cp:coreProperties>
</file>